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2\LRF - 2022\Arquivos para Publicação 2022\RGF 3º Quadrim 2022 PUBLICAÇÃO CONSOLIDADO\"/>
    </mc:Choice>
  </mc:AlternateContent>
  <bookViews>
    <workbookView xWindow="0" yWindow="0" windowWidth="28800" windowHeight="12330" activeTab="2"/>
  </bookViews>
  <sheets>
    <sheet name="Anexo - 01 - Despesa com Pessoa" sheetId="1" r:id="rId1"/>
    <sheet name="Anexo - 05 - Disponibilidade de" sheetId="6" r:id="rId2"/>
    <sheet name="Anexo - 06 - Gestão Fiscal Simp" sheetId="7" r:id="rId3"/>
  </sheets>
  <calcPr calcId="0"/>
</workbook>
</file>

<file path=xl/sharedStrings.xml><?xml version="1.0" encoding="utf-8"?>
<sst xmlns="http://schemas.openxmlformats.org/spreadsheetml/2006/main" count="304" uniqueCount="164">
  <si>
    <t>ESTADO DE MATO GROSSO DO SUL</t>
  </si>
  <si>
    <t>Relatório de Gestão Fiscal - Consolidado</t>
  </si>
  <si>
    <t>DEMONSTRATIVO DA DESPESA COM PESSOAL</t>
  </si>
  <si>
    <t>Orçamentos Fiscal e da Seguridade Social</t>
  </si>
  <si>
    <t>JANEIRO A DEZEMBRO DE 2022 / QUADRIMESTRE SETEMBRO - DEZEMBRO</t>
  </si>
  <si>
    <t>RGF - Anexo 1 (LRF, art. 55, inciso I, alínea "a")</t>
  </si>
  <si>
    <t>Nº</t>
  </si>
  <si>
    <t/>
  </si>
  <si>
    <t>DESPESA COM PESSOAL</t>
  </si>
  <si>
    <t>Despesas Liquidadas (Últimos 12 Meses)</t>
  </si>
  <si>
    <t>Jan/2022</t>
  </si>
  <si>
    <t>Fev/2022</t>
  </si>
  <si>
    <t>Mar/2022</t>
  </si>
  <si>
    <t>Abr/2022</t>
  </si>
  <si>
    <t>Mai/2022</t>
  </si>
  <si>
    <t>Jun/2022</t>
  </si>
  <si>
    <t>Jul/2022</t>
  </si>
  <si>
    <t>Ago/2022</t>
  </si>
  <si>
    <t>Set/2022</t>
  </si>
  <si>
    <t>Out/2022</t>
  </si>
  <si>
    <t>Nov/2022</t>
  </si>
  <si>
    <t>Dez/2022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Pessoal Inativo e Pensionistas</t>
  </si>
  <si>
    <t>6</t>
  </si>
  <si>
    <t xml:space="preserve">      Aposentadorias, Reserva e Reformas</t>
  </si>
  <si>
    <t>7</t>
  </si>
  <si>
    <t xml:space="preserve">      Pensões</t>
  </si>
  <si>
    <t>8</t>
  </si>
  <si>
    <t xml:space="preserve">   Outras despesas de pessoal decorrentes de contratos de terceirização ou de contratação de forma indireta (§ 1º do art. 18 da LRF)¹</t>
  </si>
  <si>
    <t>9</t>
  </si>
  <si>
    <t xml:space="preserve">   Despesa com Pessoal não Executada Orçamentariamente</t>
  </si>
  <si>
    <t>10</t>
  </si>
  <si>
    <t>DESPESAS NÃO COMPUTADAS (§ 1º do art. 19 da LRF) (II)</t>
  </si>
  <si>
    <t>11</t>
  </si>
  <si>
    <t xml:space="preserve">   Indenizações por Demissão e Incentivos à Demissão Voluntária</t>
  </si>
  <si>
    <t>12</t>
  </si>
  <si>
    <t xml:space="preserve">   Decorrentes de Decisão Judicial de período anterior ao da apuração</t>
  </si>
  <si>
    <t>13</t>
  </si>
  <si>
    <t xml:space="preserve">   Despesas de Exercícios Anteriores de período anterior ao da apuração</t>
  </si>
  <si>
    <t>14</t>
  </si>
  <si>
    <t xml:space="preserve">   Inativos e Pensionistas com Recursos Vinculados</t>
  </si>
  <si>
    <t>15</t>
  </si>
  <si>
    <t>DESPESA LÍQUIDA COM PESSOAL (III) = (I - II)</t>
  </si>
  <si>
    <t>APURAÇÃO DO CUMPRIMENTO DO LIMITE LEGAL</t>
  </si>
  <si>
    <t>Valor</t>
  </si>
  <si>
    <t>% Sobre a RCL Ajustada</t>
  </si>
  <si>
    <t>16</t>
  </si>
  <si>
    <t>RECEITA CORRENTE LÍQUIDA - RCL (IV)</t>
  </si>
  <si>
    <t>17</t>
  </si>
  <si>
    <t>(-) Transferências obrigatórias da União relativas às emendas individuais (art. 166-A, § 1º, da CF) (V)</t>
  </si>
  <si>
    <t>18</t>
  </si>
  <si>
    <t>(-) Transferências obrigatórias da União relativas às emendas de bancada (art. 166, § 16 da CF) (VI)</t>
  </si>
  <si>
    <t>19</t>
  </si>
  <si>
    <t>= RECEITA CORRENTE LÍQUIDA AJUSTADA PARA CÁLCULO DOS LIMITES DA DESPESA COM PESSOAL (VII) = (IV - V - VI)²</t>
  </si>
  <si>
    <t>20</t>
  </si>
  <si>
    <t>DESPESA TOTAL COM PESSOAL - DTP (VIII) = (III a + III b)</t>
  </si>
  <si>
    <t>21</t>
  </si>
  <si>
    <t>LIMITE MÁXIMO (IX) (incisos I, II e III do art.20 da LRF) - 60% da RCL Ajustada (VII)</t>
  </si>
  <si>
    <t>22</t>
  </si>
  <si>
    <t>LIMITE PRUDENCIAL (X) (parágrafo único do art.22 da LRF) - (X) = (0,95*IX)</t>
  </si>
  <si>
    <t>23</t>
  </si>
  <si>
    <t>LIMITE DE ALERTA (XI) (inciso II do § 1º do art. 59 da LRF) - (XI) = (0,90*IX)</t>
  </si>
  <si>
    <t>TRAJETÓRIA DE RETORNO AO LIMITE DA DESPESA TOTAL COM PESSOAL</t>
  </si>
  <si>
    <t>Quadrimestre/Semestre do Exercício em que o ente excedeu o limite</t>
  </si>
  <si>
    <t>% 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³</t>
  </si>
  <si>
    <t>PARÂMETROS PARA REDUÇÃO DO EXCEDENTE DE DTP (ART. 15 DA LC 178/2021)</t>
  </si>
  <si>
    <t>Percentual</t>
  </si>
  <si>
    <t>25</t>
  </si>
  <si>
    <t>Limite Máximo (IX) (%) (LRF, art. 20)¹</t>
  </si>
  <si>
    <t>26</t>
  </si>
  <si>
    <t>DTP em 2021 (XII) (%)</t>
  </si>
  <si>
    <t>27</t>
  </si>
  <si>
    <t>Excedente em 2021 (XIII) = (XII - IX) (%)</t>
  </si>
  <si>
    <t>28</t>
  </si>
  <si>
    <t>Redutor anual (XIV) = (0,10 x XIII) (%)</t>
  </si>
  <si>
    <t>TRAJETÓRIA DE RETORNO AO LIMITE DA DESPESA TOTAL COM PESSOAL (ART. 15 DA LC 178/2021)</t>
  </si>
  <si>
    <t>29</t>
  </si>
  <si>
    <t>RECEITA CORRENTE LÍQUIDA AJUSTADA PARA CÁLCULO DOS LIMITES DA DESPESA COM PESSOAL (VII)²</t>
  </si>
  <si>
    <t>30</t>
  </si>
  <si>
    <t>DESPESA TOTAL COM PESSOAL - DTP (VIII)³</t>
  </si>
  <si>
    <t>31</t>
  </si>
  <si>
    <t>% DTP (VIII/VII)</t>
  </si>
  <si>
    <t>32</t>
  </si>
  <si>
    <t>LIMITE CONFORME ART. 15 DA LC 178/2021 (%)</t>
  </si>
  <si>
    <t>DÍVIDA CONSOLIDADA</t>
  </si>
  <si>
    <t>OPERAÇÕES DE CRÉDITO</t>
  </si>
  <si>
    <t>DEMONSTRATIVO DA DISPONIBILIDADE DE CAIXA E DOS RESTOS A PAGAR</t>
  </si>
  <si>
    <t>RGF - Anexo 5 (LRF, art. 55, Inciso III, alínea "a")</t>
  </si>
  <si>
    <t>IDENTIFICAÇÃO DOS RECURSOS</t>
  </si>
  <si>
    <t>Disponibilidade de Caixa Bruta (a)</t>
  </si>
  <si>
    <t>Obrigações Financeiras</t>
  </si>
  <si>
    <t>RP Liquidados e Não Pagos De Exercícios Anteriores (b)</t>
  </si>
  <si>
    <t>RP Liquidados e Não Pagos Do Exercício (c)</t>
  </si>
  <si>
    <t>RP Empenhados e Não Liquidados de Exercícios Anteriores (d)</t>
  </si>
  <si>
    <t>Demais Obrigações Financeiras (e)</t>
  </si>
  <si>
    <t>INSUFICIÊNCIA FINANCEIRA VERIFICADA NO CONSÓRCIO PÚBLICO (f)</t>
  </si>
  <si>
    <t>DISPONIBILIDADE DE CAIXA LÍQUIDA (ANTES DA INSCRIÇÃO EM RESTOS A PAGAR NÃO PROCESSADOS DO EXERCÍCIO)¹ (g) = (a – (b + c + d + e) - f)</t>
  </si>
  <si>
    <t>RESTOS A PAGAR EMPENHADOS E NÃO LIQUIDADOS DO EXERCÍCIO (h)</t>
  </si>
  <si>
    <t>EMPENHOS NÃO LIQUIDADOS CANCELADOS (NÃO INSCRITOS POR INSUFICIÊNCIA FINANCEIRA)</t>
  </si>
  <si>
    <t>DISPONIBILIDADE DE CAIXA LÍQUIDA (APÓS A INSCRIÇÃO EM RESTOS A PAGAR NÃO PROCESSADOS DO EXERCÍCIO) (i) = (g - h)</t>
  </si>
  <si>
    <t>TOTAL DOS RECURSOS NÃO VINCULADOS (I)</t>
  </si>
  <si>
    <t xml:space="preserve">   Recursos Não Vinculados de Impostos</t>
  </si>
  <si>
    <t xml:space="preserve">   Outros Recursos não Vinculados</t>
  </si>
  <si>
    <t>TOTAL DOS RECURSOS VINCULADOS (II)</t>
  </si>
  <si>
    <t xml:space="preserve">   Receitas de Impostos e de Transferência de Impostos - Educação</t>
  </si>
  <si>
    <t xml:space="preserve">   Transferências do FUNDEB</t>
  </si>
  <si>
    <t xml:space="preserve">   Outros Recursos Vinculados à Educação</t>
  </si>
  <si>
    <t xml:space="preserve">   Receitas de Impostos e de Transferência de Impostos - Saúde</t>
  </si>
  <si>
    <t xml:space="preserve">   Outros Recursos Vinculados à Saúde</t>
  </si>
  <si>
    <t xml:space="preserve">   Recursos Vinculados  à Assistência Social</t>
  </si>
  <si>
    <t xml:space="preserve">   Recursos Vinculados ao RPPS - Fundo em Capitalização (Plano Previdenciário)²</t>
  </si>
  <si>
    <t xml:space="preserve">   Recursos Vinculados  ao RPPS - Fundo em Repartição (Plano Financeiro)</t>
  </si>
  <si>
    <t xml:space="preserve">   Recursos Vinculados ao RPPS - Taxa de Administração</t>
  </si>
  <si>
    <t xml:space="preserve">   Recursos de Operações de Crédito (exceto vinculados à Educação e à Saúde)</t>
  </si>
  <si>
    <t xml:space="preserve">   Recursos de Alienação de Bens/Ativos</t>
  </si>
  <si>
    <t xml:space="preserve">   Recursos Extraorçamentários</t>
  </si>
  <si>
    <t xml:space="preserve">   Outros Recursos Vinculados</t>
  </si>
  <si>
    <t>TOTAL (III) = (I + II)</t>
  </si>
  <si>
    <t>DEMONSTRATIVO SIMPLIFICADO DO RELATÓRIO DE GESTÃO FISCAL</t>
  </si>
  <si>
    <t>RGF - Anexo 6 (LRF, art. 48)</t>
  </si>
  <si>
    <t>RECEITA CORRENTE LÍQUIDA</t>
  </si>
  <si>
    <t>Valor Até o Quadrimestre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Despesa Total com Pessoal - DTP</t>
  </si>
  <si>
    <t>Limite Máximo (incisos I, II e III, art. 20 da LRF) - 60%</t>
  </si>
  <si>
    <t>Limite Prudencial (parágrafo único, art. 22 da LRF) - 57%</t>
  </si>
  <si>
    <t>Limite de Alerta (inciso II do §1º do art. 59 da LRF) - 54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Internas e Ex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RESTOS A PAGAR EMPENHADOS E NÃO LIQUIDADOS DO EXERCÍCIO</t>
  </si>
  <si>
    <t>DISPONIBILIDADE DE CAIXA LÍQUIDA (APÓS 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6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  <xf numFmtId="43" fontId="1" fillId="2" borderId="1" xfId="1" applyFont="1" applyFill="1" applyBorder="1" applyAlignment="1">
      <alignment horizontal="center" vertical="center" wrapText="1"/>
    </xf>
    <xf numFmtId="43" fontId="1" fillId="2" borderId="1" xfId="1" applyFont="1" applyFill="1" applyBorder="1" applyAlignment="1">
      <alignment horizontal="center" vertical="center" wrapText="1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55"/>
  <sheetViews>
    <sheetView showGridLines="0" topLeftCell="A28" workbookViewId="0">
      <selection activeCell="F55" sqref="F55"/>
    </sheetView>
  </sheetViews>
  <sheetFormatPr defaultRowHeight="15" x14ac:dyDescent="0.25"/>
  <cols>
    <col min="1" max="1" width="2.7109375" bestFit="1" customWidth="1"/>
    <col min="2" max="2" width="90.140625" bestFit="1" customWidth="1"/>
    <col min="3" max="3" width="18" bestFit="1" customWidth="1"/>
    <col min="4" max="4" width="17.28515625" bestFit="1" customWidth="1"/>
    <col min="5" max="5" width="19.7109375" bestFit="1" customWidth="1"/>
    <col min="6" max="6" width="17.140625" customWidth="1"/>
    <col min="7" max="8" width="19" bestFit="1" customWidth="1"/>
    <col min="9" max="9" width="22.85546875" bestFit="1" customWidth="1"/>
    <col min="10" max="14" width="19" bestFit="1" customWidth="1"/>
    <col min="15" max="15" width="20.140625" bestFit="1" customWidth="1"/>
    <col min="16" max="16" width="13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8</v>
      </c>
      <c r="C10" s="10" t="s">
        <v>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</v>
      </c>
      <c r="P10" s="10" t="s">
        <v>23</v>
      </c>
    </row>
    <row r="11" spans="1:16" ht="52.5" x14ac:dyDescent="0.25">
      <c r="A11" s="10" t="s">
        <v>7</v>
      </c>
      <c r="B11" s="10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0" t="s">
        <v>7</v>
      </c>
    </row>
    <row r="12" spans="1:16" x14ac:dyDescent="0.25">
      <c r="A12" s="3" t="s">
        <v>24</v>
      </c>
      <c r="B12" s="5" t="s">
        <v>25</v>
      </c>
      <c r="C12" s="11">
        <v>960912010.10000002</v>
      </c>
      <c r="D12" s="11">
        <v>938338702.49000001</v>
      </c>
      <c r="E12" s="11">
        <v>963379616.39999998</v>
      </c>
      <c r="F12" s="11">
        <v>987148402.72000003</v>
      </c>
      <c r="G12" s="11">
        <v>1004090700.09</v>
      </c>
      <c r="H12" s="11">
        <v>1037887349.01</v>
      </c>
      <c r="I12" s="11">
        <v>1025792616.7</v>
      </c>
      <c r="J12" s="11">
        <v>1007221197.77</v>
      </c>
      <c r="K12" s="11">
        <v>1005505255.53</v>
      </c>
      <c r="L12" s="11">
        <v>1055624872.8</v>
      </c>
      <c r="M12" s="11">
        <v>1057578536.45</v>
      </c>
      <c r="N12" s="11">
        <v>1553653527.47</v>
      </c>
      <c r="O12" s="11">
        <v>12597132787.530001</v>
      </c>
      <c r="P12" s="11">
        <v>838611.71</v>
      </c>
    </row>
    <row r="13" spans="1:16" x14ac:dyDescent="0.25">
      <c r="A13" s="3" t="s">
        <v>26</v>
      </c>
      <c r="B13" s="5" t="s">
        <v>27</v>
      </c>
      <c r="C13" s="11">
        <v>625700977.02999997</v>
      </c>
      <c r="D13" s="11">
        <v>602343398.40999997</v>
      </c>
      <c r="E13" s="11">
        <v>634923707.24000001</v>
      </c>
      <c r="F13" s="11">
        <v>660154573.85000002</v>
      </c>
      <c r="G13" s="11">
        <v>669729792.42999995</v>
      </c>
      <c r="H13" s="11">
        <v>704913647.85000002</v>
      </c>
      <c r="I13" s="11">
        <v>692319496.13</v>
      </c>
      <c r="J13" s="11">
        <v>672082964.63999999</v>
      </c>
      <c r="K13" s="11">
        <v>670820251.96000004</v>
      </c>
      <c r="L13" s="11">
        <v>697260274.88</v>
      </c>
      <c r="M13" s="11">
        <v>698454926.24000001</v>
      </c>
      <c r="N13" s="11">
        <v>1002977010.42</v>
      </c>
      <c r="O13" s="11">
        <v>8331681021.0799999</v>
      </c>
      <c r="P13" s="11">
        <v>838611.71</v>
      </c>
    </row>
    <row r="14" spans="1:16" x14ac:dyDescent="0.25">
      <c r="A14" s="2" t="s">
        <v>28</v>
      </c>
      <c r="B14" s="4" t="s">
        <v>29</v>
      </c>
      <c r="C14" s="12">
        <v>440817375.08999997</v>
      </c>
      <c r="D14" s="12">
        <v>415940186.33999997</v>
      </c>
      <c r="E14" s="12">
        <v>443566365.47000003</v>
      </c>
      <c r="F14" s="12">
        <v>465176169.75</v>
      </c>
      <c r="G14" s="12">
        <v>468637434.29000002</v>
      </c>
      <c r="H14" s="12">
        <v>510271166.12</v>
      </c>
      <c r="I14" s="12">
        <v>485951446.69999999</v>
      </c>
      <c r="J14" s="12">
        <v>471424470.18000001</v>
      </c>
      <c r="K14" s="12">
        <v>469502125.06999999</v>
      </c>
      <c r="L14" s="12">
        <v>487920231.02999997</v>
      </c>
      <c r="M14" s="12">
        <v>533974878.56999999</v>
      </c>
      <c r="N14" s="12">
        <v>748443283.57000005</v>
      </c>
      <c r="O14" s="12">
        <v>5941625132.1800003</v>
      </c>
      <c r="P14" s="12">
        <v>103067.76</v>
      </c>
    </row>
    <row r="15" spans="1:16" x14ac:dyDescent="0.25">
      <c r="A15" s="2" t="s">
        <v>30</v>
      </c>
      <c r="B15" s="4" t="s">
        <v>31</v>
      </c>
      <c r="C15" s="12">
        <v>184883601.94</v>
      </c>
      <c r="D15" s="12">
        <v>186403212.06999999</v>
      </c>
      <c r="E15" s="12">
        <v>191357341.77000001</v>
      </c>
      <c r="F15" s="12">
        <v>194978404.09999999</v>
      </c>
      <c r="G15" s="12">
        <v>201092358.13999999</v>
      </c>
      <c r="H15" s="12">
        <v>194642481.72999999</v>
      </c>
      <c r="I15" s="12">
        <v>206368049.43000001</v>
      </c>
      <c r="J15" s="12">
        <v>200658494.46000001</v>
      </c>
      <c r="K15" s="12">
        <v>201318126.88999999</v>
      </c>
      <c r="L15" s="12">
        <v>209340043.84999999</v>
      </c>
      <c r="M15" s="12">
        <v>164480047.66999999</v>
      </c>
      <c r="N15" s="12">
        <v>254533726.84999999</v>
      </c>
      <c r="O15" s="12">
        <v>2390055888.9000001</v>
      </c>
      <c r="P15" s="12">
        <v>735543.95</v>
      </c>
    </row>
    <row r="16" spans="1:16" x14ac:dyDescent="0.25">
      <c r="A16" s="3" t="s">
        <v>32</v>
      </c>
      <c r="B16" s="5" t="s">
        <v>33</v>
      </c>
      <c r="C16" s="11">
        <v>335211033.06999999</v>
      </c>
      <c r="D16" s="11">
        <v>335995304.07999998</v>
      </c>
      <c r="E16" s="11">
        <v>328455909.16000003</v>
      </c>
      <c r="F16" s="11">
        <v>326993828.87</v>
      </c>
      <c r="G16" s="11">
        <v>334360907.66000003</v>
      </c>
      <c r="H16" s="11">
        <v>332973701.16000003</v>
      </c>
      <c r="I16" s="11">
        <v>333473120.56999999</v>
      </c>
      <c r="J16" s="11">
        <v>335138233.13</v>
      </c>
      <c r="K16" s="11">
        <v>334685003.56999999</v>
      </c>
      <c r="L16" s="11">
        <v>358364597.92000002</v>
      </c>
      <c r="M16" s="11">
        <v>359123610.20999998</v>
      </c>
      <c r="N16" s="11">
        <v>550676517.04999995</v>
      </c>
      <c r="O16" s="11">
        <v>4265451766.4499998</v>
      </c>
      <c r="P16" s="11">
        <v>0</v>
      </c>
    </row>
    <row r="17" spans="1:16" x14ac:dyDescent="0.25">
      <c r="A17" s="2" t="s">
        <v>34</v>
      </c>
      <c r="B17" s="4" t="s">
        <v>35</v>
      </c>
      <c r="C17" s="12">
        <v>290682056.41000003</v>
      </c>
      <c r="D17" s="12">
        <v>291378262.94999999</v>
      </c>
      <c r="E17" s="12">
        <v>284246473.08999997</v>
      </c>
      <c r="F17" s="12">
        <v>282743493.31999999</v>
      </c>
      <c r="G17" s="12">
        <v>289533111.12</v>
      </c>
      <c r="H17" s="12">
        <v>288259358.02999997</v>
      </c>
      <c r="I17" s="12">
        <v>288392579.97000003</v>
      </c>
      <c r="J17" s="12">
        <v>289914402.57999998</v>
      </c>
      <c r="K17" s="12">
        <v>289532106.60000002</v>
      </c>
      <c r="L17" s="12">
        <v>312752876.44999999</v>
      </c>
      <c r="M17" s="12">
        <v>313272749.05000001</v>
      </c>
      <c r="N17" s="12">
        <v>478594405.32999998</v>
      </c>
      <c r="O17" s="12">
        <v>3699301874.9000001</v>
      </c>
      <c r="P17" s="12">
        <v>0</v>
      </c>
    </row>
    <row r="18" spans="1:16" x14ac:dyDescent="0.25">
      <c r="A18" s="2" t="s">
        <v>36</v>
      </c>
      <c r="B18" s="4" t="s">
        <v>37</v>
      </c>
      <c r="C18" s="12">
        <v>44528976.659999996</v>
      </c>
      <c r="D18" s="12">
        <v>44617041.130000003</v>
      </c>
      <c r="E18" s="12">
        <v>44209436.07</v>
      </c>
      <c r="F18" s="12">
        <v>44250335.549999997</v>
      </c>
      <c r="G18" s="12">
        <v>44827796.539999999</v>
      </c>
      <c r="H18" s="12">
        <v>44714343.130000003</v>
      </c>
      <c r="I18" s="12">
        <v>45080540.600000001</v>
      </c>
      <c r="J18" s="12">
        <v>45223830.549999997</v>
      </c>
      <c r="K18" s="12">
        <v>45152896.969999999</v>
      </c>
      <c r="L18" s="12">
        <v>45611721.469999999</v>
      </c>
      <c r="M18" s="12">
        <v>45850861.159999996</v>
      </c>
      <c r="N18" s="12">
        <v>72082111.719999999</v>
      </c>
      <c r="O18" s="12">
        <v>566149891.54999995</v>
      </c>
      <c r="P18" s="12">
        <v>0</v>
      </c>
    </row>
    <row r="19" spans="1:16" x14ac:dyDescent="0.25">
      <c r="A19" s="2" t="s">
        <v>38</v>
      </c>
      <c r="B19" s="4" t="s">
        <v>39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  <c r="O19" s="12">
        <v>0</v>
      </c>
      <c r="P19" s="12">
        <v>0</v>
      </c>
    </row>
    <row r="20" spans="1:16" x14ac:dyDescent="0.25">
      <c r="A20" s="2" t="s">
        <v>40</v>
      </c>
      <c r="B20" s="4" t="s">
        <v>41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  <c r="J20" s="12">
        <v>0</v>
      </c>
      <c r="K20" s="12">
        <v>0</v>
      </c>
      <c r="L20" s="12">
        <v>0</v>
      </c>
      <c r="M20" s="12">
        <v>0</v>
      </c>
      <c r="N20" s="12">
        <v>0</v>
      </c>
      <c r="O20" s="12">
        <v>0</v>
      </c>
      <c r="P20" s="12">
        <v>0</v>
      </c>
    </row>
    <row r="21" spans="1:16" x14ac:dyDescent="0.25">
      <c r="A21" s="3" t="s">
        <v>42</v>
      </c>
      <c r="B21" s="5" t="s">
        <v>43</v>
      </c>
      <c r="C21" s="11">
        <v>314816713.48000002</v>
      </c>
      <c r="D21" s="11">
        <v>315329056.57999998</v>
      </c>
      <c r="E21" s="11">
        <v>315113229.07999998</v>
      </c>
      <c r="F21" s="11">
        <v>317118011.25999999</v>
      </c>
      <c r="G21" s="11">
        <v>319623415.08999997</v>
      </c>
      <c r="H21" s="11">
        <v>315125745.93000001</v>
      </c>
      <c r="I21" s="11">
        <v>315209477.52999997</v>
      </c>
      <c r="J21" s="11">
        <v>318408788.39999998</v>
      </c>
      <c r="K21" s="11">
        <v>292883483.45999998</v>
      </c>
      <c r="L21" s="11">
        <v>314775710.25</v>
      </c>
      <c r="M21" s="11">
        <v>318525206.70999998</v>
      </c>
      <c r="N21" s="11">
        <v>475032442.25</v>
      </c>
      <c r="O21" s="11">
        <v>3931961280.02</v>
      </c>
      <c r="P21" s="11">
        <v>0</v>
      </c>
    </row>
    <row r="22" spans="1:16" x14ac:dyDescent="0.25">
      <c r="A22" s="2" t="s">
        <v>44</v>
      </c>
      <c r="B22" s="4" t="s">
        <v>45</v>
      </c>
      <c r="C22" s="12">
        <v>3146611.67</v>
      </c>
      <c r="D22" s="12">
        <v>3531584.53</v>
      </c>
      <c r="E22" s="12">
        <v>2772850.98</v>
      </c>
      <c r="F22" s="12">
        <v>4655335.26</v>
      </c>
      <c r="G22" s="12">
        <v>3061575.57</v>
      </c>
      <c r="H22" s="12">
        <v>3585694.5</v>
      </c>
      <c r="I22" s="12">
        <v>3603416.82</v>
      </c>
      <c r="J22" s="12">
        <v>2434488.38</v>
      </c>
      <c r="K22" s="12">
        <v>2559011.85</v>
      </c>
      <c r="L22" s="12">
        <v>1884325.7</v>
      </c>
      <c r="M22" s="12">
        <v>3796454.46</v>
      </c>
      <c r="N22" s="12">
        <v>2198719.5099999998</v>
      </c>
      <c r="O22" s="12">
        <v>37230069.229999997</v>
      </c>
      <c r="P22" s="12">
        <v>0</v>
      </c>
    </row>
    <row r="23" spans="1:16" x14ac:dyDescent="0.25">
      <c r="A23" s="2" t="s">
        <v>46</v>
      </c>
      <c r="B23" s="4" t="s">
        <v>47</v>
      </c>
      <c r="C23" s="12">
        <v>22568001.670000002</v>
      </c>
      <c r="D23" s="12">
        <v>22436617.640000001</v>
      </c>
      <c r="E23" s="12">
        <v>23445628.699999999</v>
      </c>
      <c r="F23" s="12">
        <v>23823224.670000002</v>
      </c>
      <c r="G23" s="12">
        <v>23858277.440000001</v>
      </c>
      <c r="H23" s="12">
        <v>24147249.640000001</v>
      </c>
      <c r="I23" s="12">
        <v>24489071.079999998</v>
      </c>
      <c r="J23" s="12">
        <v>24787919.460000001</v>
      </c>
      <c r="K23" s="12">
        <v>1860.67</v>
      </c>
      <c r="L23" s="12">
        <v>1860.67</v>
      </c>
      <c r="M23" s="12">
        <v>1860.67</v>
      </c>
      <c r="N23" s="12">
        <v>1860.67</v>
      </c>
      <c r="O23" s="12">
        <v>189563432.97999999</v>
      </c>
      <c r="P23" s="12">
        <v>0</v>
      </c>
    </row>
    <row r="24" spans="1:16" x14ac:dyDescent="0.25">
      <c r="A24" s="2" t="s">
        <v>48</v>
      </c>
      <c r="B24" s="4" t="s">
        <v>49</v>
      </c>
      <c r="C24" s="12">
        <v>4712271.66</v>
      </c>
      <c r="D24" s="12">
        <v>4123253.53</v>
      </c>
      <c r="E24" s="12">
        <v>4785266.01</v>
      </c>
      <c r="F24" s="12">
        <v>3346564.79</v>
      </c>
      <c r="G24" s="12">
        <v>5571827.1699999999</v>
      </c>
      <c r="H24" s="12">
        <v>1635118.6</v>
      </c>
      <c r="I24" s="12">
        <v>1077794.17</v>
      </c>
      <c r="J24" s="12">
        <v>5003930.47</v>
      </c>
      <c r="K24" s="12">
        <v>3041455.73</v>
      </c>
      <c r="L24" s="12">
        <v>2130085.04</v>
      </c>
      <c r="M24" s="12">
        <v>3251397.96</v>
      </c>
      <c r="N24" s="12">
        <v>2906746.52</v>
      </c>
      <c r="O24" s="12">
        <v>41585711.649999999</v>
      </c>
      <c r="P24" s="12">
        <v>0</v>
      </c>
    </row>
    <row r="25" spans="1:16" x14ac:dyDescent="0.25">
      <c r="A25" s="2" t="s">
        <v>50</v>
      </c>
      <c r="B25" s="4" t="s">
        <v>51</v>
      </c>
      <c r="C25" s="12">
        <v>284389828.48000002</v>
      </c>
      <c r="D25" s="12">
        <v>285237600.88</v>
      </c>
      <c r="E25" s="12">
        <v>284109483.38999999</v>
      </c>
      <c r="F25" s="12">
        <v>285292886.54000002</v>
      </c>
      <c r="G25" s="12">
        <v>287131734.91000003</v>
      </c>
      <c r="H25" s="12">
        <v>285757683.19</v>
      </c>
      <c r="I25" s="12">
        <v>286039195.45999998</v>
      </c>
      <c r="J25" s="12">
        <v>286182450.08999997</v>
      </c>
      <c r="K25" s="12">
        <v>287281155.20999998</v>
      </c>
      <c r="L25" s="12">
        <v>310759438.83999997</v>
      </c>
      <c r="M25" s="12">
        <v>311475493.62</v>
      </c>
      <c r="N25" s="12">
        <v>469925115.55000001</v>
      </c>
      <c r="O25" s="12">
        <v>3663582066.1599998</v>
      </c>
      <c r="P25" s="12">
        <v>0</v>
      </c>
    </row>
    <row r="26" spans="1:16" x14ac:dyDescent="0.25">
      <c r="A26" s="3" t="s">
        <v>52</v>
      </c>
      <c r="B26" s="5" t="s">
        <v>53</v>
      </c>
      <c r="C26" s="11">
        <v>646095296.62</v>
      </c>
      <c r="D26" s="11">
        <v>623009645.90999997</v>
      </c>
      <c r="E26" s="11">
        <v>648266387.32000005</v>
      </c>
      <c r="F26" s="11">
        <v>670030391.46000004</v>
      </c>
      <c r="G26" s="11">
        <v>684467285</v>
      </c>
      <c r="H26" s="11">
        <v>722761603.08000004</v>
      </c>
      <c r="I26" s="11">
        <v>710583139.16999996</v>
      </c>
      <c r="J26" s="11">
        <v>688812409.37</v>
      </c>
      <c r="K26" s="11">
        <v>712621772.07000005</v>
      </c>
      <c r="L26" s="11">
        <v>740849162.54999995</v>
      </c>
      <c r="M26" s="11">
        <v>739053329.74000001</v>
      </c>
      <c r="N26" s="11">
        <v>1078621085.22</v>
      </c>
      <c r="O26" s="11">
        <v>8665171507.5100002</v>
      </c>
      <c r="P26" s="11">
        <v>838611.71</v>
      </c>
    </row>
    <row r="27" spans="1:16" x14ac:dyDescent="0.25">
      <c r="C27" s="13"/>
      <c r="D27" s="13"/>
      <c r="E27" s="13"/>
      <c r="F27" s="13"/>
      <c r="G27" s="13"/>
      <c r="H27" s="13"/>
      <c r="I27" s="13"/>
      <c r="J27" s="13"/>
      <c r="K27" s="13"/>
      <c r="L27" s="13"/>
      <c r="M27" s="13"/>
      <c r="N27" s="13"/>
      <c r="O27" s="13"/>
      <c r="P27" s="13"/>
    </row>
    <row r="28" spans="1:16" x14ac:dyDescent="0.25">
      <c r="A28" s="10" t="s">
        <v>6</v>
      </c>
      <c r="B28" s="10" t="s">
        <v>54</v>
      </c>
      <c r="C28" s="14" t="s">
        <v>55</v>
      </c>
      <c r="D28" s="14" t="s">
        <v>56</v>
      </c>
      <c r="E28" s="13"/>
      <c r="F28" s="13"/>
      <c r="G28" s="13"/>
      <c r="H28" s="13"/>
      <c r="I28" s="13"/>
      <c r="J28" s="13"/>
      <c r="K28" s="13"/>
      <c r="L28" s="13"/>
      <c r="M28" s="13"/>
      <c r="N28" s="13"/>
      <c r="O28" s="13"/>
      <c r="P28" s="13"/>
    </row>
    <row r="29" spans="1:16" x14ac:dyDescent="0.25">
      <c r="A29" s="10" t="s">
        <v>7</v>
      </c>
      <c r="B29" s="10" t="s">
        <v>7</v>
      </c>
      <c r="C29" s="14" t="s">
        <v>7</v>
      </c>
      <c r="D29" s="14" t="s">
        <v>7</v>
      </c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3"/>
      <c r="P29" s="13"/>
    </row>
    <row r="30" spans="1:16" x14ac:dyDescent="0.25">
      <c r="A30" s="2" t="s">
        <v>57</v>
      </c>
      <c r="B30" s="4" t="s">
        <v>58</v>
      </c>
      <c r="C30" s="12">
        <v>18366590887.860001</v>
      </c>
      <c r="D30" s="12">
        <v>0</v>
      </c>
      <c r="E30" s="13"/>
      <c r="F30" s="13"/>
      <c r="G30" s="13"/>
      <c r="H30" s="13"/>
      <c r="I30" s="13"/>
      <c r="J30" s="13"/>
      <c r="K30" s="13"/>
      <c r="L30" s="13"/>
      <c r="M30" s="13"/>
      <c r="N30" s="13"/>
      <c r="O30" s="13"/>
      <c r="P30" s="13"/>
    </row>
    <row r="31" spans="1:16" x14ac:dyDescent="0.25">
      <c r="A31" s="2" t="s">
        <v>59</v>
      </c>
      <c r="B31" s="4" t="s">
        <v>60</v>
      </c>
      <c r="C31" s="12">
        <v>13253079.560000001</v>
      </c>
      <c r="D31" s="12">
        <v>0</v>
      </c>
      <c r="E31" s="13"/>
      <c r="F31" s="13"/>
      <c r="G31" s="13"/>
      <c r="H31" s="13"/>
      <c r="I31" s="13"/>
      <c r="J31" s="13"/>
      <c r="K31" s="13"/>
      <c r="L31" s="13"/>
      <c r="M31" s="13"/>
      <c r="N31" s="13"/>
      <c r="O31" s="13"/>
      <c r="P31" s="13"/>
    </row>
    <row r="32" spans="1:16" x14ac:dyDescent="0.25">
      <c r="A32" s="2" t="s">
        <v>61</v>
      </c>
      <c r="B32" s="4" t="s">
        <v>62</v>
      </c>
      <c r="C32" s="12">
        <v>687699</v>
      </c>
      <c r="D32" s="12">
        <v>0</v>
      </c>
      <c r="E32" s="13"/>
      <c r="F32" s="13"/>
      <c r="G32" s="13"/>
      <c r="H32" s="13"/>
      <c r="I32" s="13"/>
      <c r="J32" s="13"/>
      <c r="K32" s="13"/>
      <c r="L32" s="13"/>
      <c r="M32" s="13"/>
      <c r="N32" s="13"/>
      <c r="O32" s="13"/>
      <c r="P32" s="13"/>
    </row>
    <row r="33" spans="1:16" x14ac:dyDescent="0.25">
      <c r="A33" s="2" t="s">
        <v>63</v>
      </c>
      <c r="B33" s="4" t="s">
        <v>64</v>
      </c>
      <c r="C33" s="12">
        <v>18352650109.299999</v>
      </c>
      <c r="D33" s="12">
        <v>100</v>
      </c>
      <c r="E33" s="13"/>
      <c r="F33" s="13"/>
      <c r="G33" s="13"/>
      <c r="H33" s="13"/>
      <c r="I33" s="13"/>
      <c r="J33" s="13"/>
      <c r="K33" s="13"/>
      <c r="L33" s="13"/>
      <c r="M33" s="13"/>
      <c r="N33" s="13"/>
      <c r="O33" s="13"/>
      <c r="P33" s="13"/>
    </row>
    <row r="34" spans="1:16" x14ac:dyDescent="0.25">
      <c r="A34" s="2" t="s">
        <v>65</v>
      </c>
      <c r="B34" s="4" t="s">
        <v>66</v>
      </c>
      <c r="C34" s="12">
        <v>8666010119.2199993</v>
      </c>
      <c r="D34" s="12">
        <v>47.22</v>
      </c>
      <c r="E34" s="13"/>
      <c r="F34" s="13"/>
      <c r="G34" s="13"/>
      <c r="H34" s="13"/>
      <c r="I34" s="13"/>
      <c r="J34" s="13"/>
      <c r="K34" s="13"/>
      <c r="L34" s="13"/>
      <c r="M34" s="13"/>
      <c r="N34" s="13"/>
      <c r="O34" s="13"/>
      <c r="P34" s="13"/>
    </row>
    <row r="35" spans="1:16" x14ac:dyDescent="0.25">
      <c r="A35" s="2" t="s">
        <v>67</v>
      </c>
      <c r="B35" s="4" t="s">
        <v>68</v>
      </c>
      <c r="C35" s="12">
        <v>11011590065.58</v>
      </c>
      <c r="D35" s="12">
        <v>60</v>
      </c>
      <c r="E35" s="13"/>
      <c r="F35" s="13"/>
      <c r="G35" s="13"/>
      <c r="H35" s="13"/>
      <c r="I35" s="13"/>
      <c r="J35" s="13"/>
      <c r="K35" s="13"/>
      <c r="L35" s="13"/>
      <c r="M35" s="13"/>
      <c r="N35" s="13"/>
      <c r="O35" s="13"/>
      <c r="P35" s="13"/>
    </row>
    <row r="36" spans="1:16" x14ac:dyDescent="0.25">
      <c r="A36" s="2" t="s">
        <v>69</v>
      </c>
      <c r="B36" s="4" t="s">
        <v>70</v>
      </c>
      <c r="C36" s="12">
        <v>10461010562.299999</v>
      </c>
      <c r="D36" s="12">
        <v>57</v>
      </c>
      <c r="E36" s="13"/>
      <c r="F36" s="13"/>
      <c r="G36" s="13"/>
      <c r="H36" s="13"/>
      <c r="I36" s="13"/>
      <c r="J36" s="13"/>
      <c r="K36" s="13"/>
      <c r="L36" s="13"/>
      <c r="M36" s="13"/>
      <c r="N36" s="13"/>
      <c r="O36" s="13"/>
      <c r="P36" s="13"/>
    </row>
    <row r="37" spans="1:16" x14ac:dyDescent="0.25">
      <c r="A37" s="2" t="s">
        <v>71</v>
      </c>
      <c r="B37" s="4" t="s">
        <v>72</v>
      </c>
      <c r="C37" s="12">
        <v>9910431059.0200005</v>
      </c>
      <c r="D37" s="12">
        <v>54</v>
      </c>
      <c r="E37" s="13"/>
      <c r="F37" s="13"/>
      <c r="G37" s="13"/>
      <c r="H37" s="13"/>
      <c r="I37" s="13"/>
      <c r="J37" s="13"/>
      <c r="K37" s="13"/>
      <c r="L37" s="13"/>
      <c r="M37" s="13"/>
      <c r="N37" s="13"/>
      <c r="O37" s="13"/>
      <c r="P37" s="13"/>
    </row>
    <row r="38" spans="1:16" x14ac:dyDescent="0.25">
      <c r="C38" s="13"/>
      <c r="D38" s="13"/>
      <c r="E38" s="13"/>
      <c r="F38" s="13"/>
      <c r="G38" s="13"/>
      <c r="H38" s="13"/>
      <c r="I38" s="13"/>
      <c r="J38" s="13"/>
      <c r="K38" s="13"/>
      <c r="L38" s="13"/>
      <c r="M38" s="13"/>
      <c r="N38" s="13"/>
      <c r="O38" s="13"/>
      <c r="P38" s="13"/>
    </row>
    <row r="39" spans="1:16" x14ac:dyDescent="0.25">
      <c r="A39" s="10" t="s">
        <v>6</v>
      </c>
      <c r="B39" s="10" t="s">
        <v>73</v>
      </c>
      <c r="C39" s="14" t="s">
        <v>74</v>
      </c>
      <c r="D39" s="14" t="s">
        <v>7</v>
      </c>
      <c r="E39" s="14" t="s">
        <v>7</v>
      </c>
      <c r="F39" s="14" t="s">
        <v>78</v>
      </c>
      <c r="G39" s="14" t="s">
        <v>7</v>
      </c>
      <c r="H39" s="14" t="s">
        <v>7</v>
      </c>
      <c r="I39" s="14" t="s">
        <v>82</v>
      </c>
      <c r="J39" s="14" t="s">
        <v>7</v>
      </c>
      <c r="K39" s="14" t="s">
        <v>82</v>
      </c>
      <c r="L39" s="13"/>
      <c r="M39" s="13"/>
      <c r="N39" s="13"/>
      <c r="O39" s="13"/>
      <c r="P39" s="13"/>
    </row>
    <row r="40" spans="1:16" ht="21" x14ac:dyDescent="0.25">
      <c r="A40" s="10" t="s">
        <v>7</v>
      </c>
      <c r="B40" s="10" t="s">
        <v>7</v>
      </c>
      <c r="C40" s="15" t="s">
        <v>75</v>
      </c>
      <c r="D40" s="15" t="s">
        <v>76</v>
      </c>
      <c r="E40" s="15" t="s">
        <v>77</v>
      </c>
      <c r="F40" s="15" t="s">
        <v>79</v>
      </c>
      <c r="G40" s="15" t="s">
        <v>80</v>
      </c>
      <c r="H40" s="15" t="s">
        <v>81</v>
      </c>
      <c r="I40" s="15" t="s">
        <v>83</v>
      </c>
      <c r="J40" s="15" t="s">
        <v>84</v>
      </c>
      <c r="K40" s="15" t="s">
        <v>85</v>
      </c>
      <c r="L40" s="13"/>
      <c r="M40" s="13"/>
      <c r="N40" s="13"/>
      <c r="O40" s="13"/>
      <c r="P40" s="13"/>
    </row>
    <row r="41" spans="1:16" x14ac:dyDescent="0.25">
      <c r="A41" s="2" t="s">
        <v>86</v>
      </c>
      <c r="B41" s="4" t="s">
        <v>87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  <c r="L41" s="13"/>
      <c r="M41" s="13"/>
      <c r="N41" s="13"/>
      <c r="O41" s="13"/>
      <c r="P41" s="13"/>
    </row>
    <row r="42" spans="1:16" x14ac:dyDescent="0.25">
      <c r="C42" s="13"/>
      <c r="D42" s="13"/>
      <c r="E42" s="13"/>
      <c r="F42" s="13"/>
      <c r="G42" s="13"/>
      <c r="H42" s="13"/>
      <c r="I42" s="13"/>
      <c r="J42" s="13"/>
      <c r="K42" s="13"/>
      <c r="L42" s="13"/>
      <c r="M42" s="13"/>
      <c r="N42" s="13"/>
      <c r="O42" s="13"/>
      <c r="P42" s="13"/>
    </row>
    <row r="43" spans="1:16" x14ac:dyDescent="0.25">
      <c r="A43" s="10" t="s">
        <v>6</v>
      </c>
      <c r="B43" s="10" t="s">
        <v>88</v>
      </c>
      <c r="C43" s="14" t="s">
        <v>89</v>
      </c>
      <c r="D43" s="13"/>
      <c r="E43" s="13"/>
      <c r="F43" s="13"/>
      <c r="G43" s="13"/>
      <c r="H43" s="13"/>
      <c r="I43" s="13"/>
      <c r="J43" s="13"/>
      <c r="K43" s="13"/>
      <c r="L43" s="13"/>
      <c r="M43" s="13"/>
      <c r="N43" s="13"/>
      <c r="O43" s="13"/>
      <c r="P43" s="13"/>
    </row>
    <row r="44" spans="1:16" x14ac:dyDescent="0.25">
      <c r="A44" s="10" t="s">
        <v>7</v>
      </c>
      <c r="B44" s="10" t="s">
        <v>7</v>
      </c>
      <c r="C44" s="14" t="s">
        <v>7</v>
      </c>
      <c r="D44" s="13"/>
      <c r="E44" s="13"/>
      <c r="F44" s="13"/>
      <c r="G44" s="13"/>
      <c r="H44" s="13"/>
      <c r="I44" s="13"/>
      <c r="J44" s="13"/>
      <c r="K44" s="13"/>
      <c r="L44" s="13"/>
      <c r="M44" s="13"/>
      <c r="N44" s="13"/>
      <c r="O44" s="13"/>
      <c r="P44" s="13"/>
    </row>
    <row r="45" spans="1:16" x14ac:dyDescent="0.25">
      <c r="A45" s="2" t="s">
        <v>90</v>
      </c>
      <c r="B45" s="4" t="s">
        <v>91</v>
      </c>
      <c r="C45" s="12">
        <v>0</v>
      </c>
      <c r="D45" s="13"/>
      <c r="E45" s="13"/>
      <c r="F45" s="13"/>
      <c r="G45" s="13"/>
      <c r="H45" s="13"/>
      <c r="I45" s="13"/>
      <c r="J45" s="13"/>
      <c r="K45" s="13"/>
      <c r="L45" s="13"/>
      <c r="M45" s="13"/>
      <c r="N45" s="13"/>
      <c r="O45" s="13"/>
      <c r="P45" s="13"/>
    </row>
    <row r="46" spans="1:16" x14ac:dyDescent="0.25">
      <c r="A46" s="2" t="s">
        <v>92</v>
      </c>
      <c r="B46" s="4" t="s">
        <v>93</v>
      </c>
      <c r="C46" s="12">
        <v>0</v>
      </c>
      <c r="D46" s="13"/>
      <c r="E46" s="13"/>
      <c r="F46" s="13"/>
      <c r="G46" s="13"/>
      <c r="H46" s="13"/>
      <c r="I46" s="13"/>
      <c r="J46" s="13"/>
      <c r="K46" s="13"/>
      <c r="L46" s="13"/>
      <c r="M46" s="13"/>
      <c r="N46" s="13"/>
      <c r="O46" s="13"/>
      <c r="P46" s="13"/>
    </row>
    <row r="47" spans="1:16" x14ac:dyDescent="0.25">
      <c r="A47" s="2" t="s">
        <v>94</v>
      </c>
      <c r="B47" s="4" t="s">
        <v>95</v>
      </c>
      <c r="C47" s="12">
        <v>0</v>
      </c>
      <c r="D47" s="13"/>
      <c r="E47" s="13"/>
      <c r="F47" s="13"/>
      <c r="G47" s="13"/>
      <c r="H47" s="13"/>
      <c r="I47" s="13"/>
      <c r="J47" s="13"/>
      <c r="K47" s="13"/>
      <c r="L47" s="13"/>
      <c r="M47" s="13"/>
      <c r="N47" s="13"/>
      <c r="O47" s="13"/>
      <c r="P47" s="13"/>
    </row>
    <row r="48" spans="1:16" x14ac:dyDescent="0.25">
      <c r="A48" s="2" t="s">
        <v>96</v>
      </c>
      <c r="B48" s="4" t="s">
        <v>97</v>
      </c>
      <c r="C48" s="12">
        <v>0</v>
      </c>
      <c r="D48" s="13"/>
      <c r="E48" s="13"/>
      <c r="F48" s="13"/>
      <c r="G48" s="13"/>
      <c r="H48" s="13"/>
      <c r="I48" s="13"/>
      <c r="J48" s="13"/>
      <c r="K48" s="13"/>
      <c r="L48" s="13"/>
      <c r="M48" s="13"/>
      <c r="N48" s="13"/>
      <c r="O48" s="13"/>
      <c r="P48" s="13"/>
    </row>
    <row r="49" spans="1:16" x14ac:dyDescent="0.25">
      <c r="C49" s="13"/>
      <c r="D49" s="13"/>
      <c r="E49" s="13"/>
      <c r="F49" s="13"/>
      <c r="G49" s="13"/>
      <c r="H49" s="13"/>
      <c r="I49" s="13"/>
      <c r="J49" s="13"/>
      <c r="K49" s="13"/>
      <c r="L49" s="13"/>
      <c r="M49" s="13"/>
      <c r="N49" s="13"/>
      <c r="O49" s="13"/>
      <c r="P49" s="13"/>
    </row>
    <row r="50" spans="1:16" x14ac:dyDescent="0.25">
      <c r="A50" s="10" t="s">
        <v>6</v>
      </c>
      <c r="B50" s="10" t="s">
        <v>98</v>
      </c>
      <c r="C50" s="14">
        <v>2021</v>
      </c>
      <c r="D50" s="14">
        <v>2022</v>
      </c>
      <c r="E50" s="14">
        <v>2023</v>
      </c>
      <c r="F50" s="14">
        <v>2024</v>
      </c>
      <c r="G50" s="14">
        <v>2025</v>
      </c>
      <c r="H50" s="14">
        <v>2026</v>
      </c>
      <c r="I50" s="14">
        <v>2027</v>
      </c>
      <c r="J50" s="14">
        <v>2028</v>
      </c>
      <c r="K50" s="14">
        <v>2029</v>
      </c>
      <c r="L50" s="14">
        <v>2030</v>
      </c>
      <c r="M50" s="14">
        <v>2031</v>
      </c>
      <c r="N50" s="14">
        <v>2032</v>
      </c>
      <c r="O50" s="13"/>
      <c r="P50" s="13"/>
    </row>
    <row r="51" spans="1:16" x14ac:dyDescent="0.25">
      <c r="A51" s="10" t="s">
        <v>7</v>
      </c>
      <c r="B51" s="10" t="s">
        <v>7</v>
      </c>
      <c r="C51" s="14" t="s">
        <v>7</v>
      </c>
      <c r="D51" s="14" t="s">
        <v>7</v>
      </c>
      <c r="E51" s="14" t="s">
        <v>7</v>
      </c>
      <c r="F51" s="14" t="s">
        <v>7</v>
      </c>
      <c r="G51" s="14" t="s">
        <v>7</v>
      </c>
      <c r="H51" s="14" t="s">
        <v>7</v>
      </c>
      <c r="I51" s="14" t="s">
        <v>7</v>
      </c>
      <c r="J51" s="14" t="s">
        <v>7</v>
      </c>
      <c r="K51" s="14" t="s">
        <v>7</v>
      </c>
      <c r="L51" s="14" t="s">
        <v>7</v>
      </c>
      <c r="M51" s="14" t="s">
        <v>7</v>
      </c>
      <c r="N51" s="14" t="s">
        <v>7</v>
      </c>
      <c r="O51" s="13"/>
      <c r="P51" s="13"/>
    </row>
    <row r="52" spans="1:16" x14ac:dyDescent="0.25">
      <c r="A52" s="2" t="s">
        <v>99</v>
      </c>
      <c r="B52" s="4" t="s">
        <v>100</v>
      </c>
      <c r="C52" s="12">
        <v>0</v>
      </c>
      <c r="D52" s="12">
        <v>0</v>
      </c>
      <c r="E52" s="12">
        <v>0</v>
      </c>
      <c r="F52" s="12">
        <v>0</v>
      </c>
      <c r="G52" s="12">
        <v>0</v>
      </c>
      <c r="H52" s="12">
        <v>0</v>
      </c>
      <c r="I52" s="12">
        <v>0</v>
      </c>
      <c r="J52" s="12">
        <v>0</v>
      </c>
      <c r="K52" s="12">
        <v>0</v>
      </c>
      <c r="L52" s="12">
        <v>0</v>
      </c>
      <c r="M52" s="12">
        <v>0</v>
      </c>
      <c r="N52" s="12">
        <v>0</v>
      </c>
      <c r="O52" s="13"/>
      <c r="P52" s="13"/>
    </row>
    <row r="53" spans="1:16" x14ac:dyDescent="0.25">
      <c r="A53" s="2" t="s">
        <v>101</v>
      </c>
      <c r="B53" s="4" t="s">
        <v>102</v>
      </c>
      <c r="C53" s="12">
        <v>0</v>
      </c>
      <c r="D53" s="12">
        <v>0</v>
      </c>
      <c r="E53" s="12">
        <v>0</v>
      </c>
      <c r="F53" s="12">
        <v>0</v>
      </c>
      <c r="G53" s="12">
        <v>0</v>
      </c>
      <c r="H53" s="12">
        <v>0</v>
      </c>
      <c r="I53" s="12">
        <v>0</v>
      </c>
      <c r="J53" s="12">
        <v>0</v>
      </c>
      <c r="K53" s="12">
        <v>0</v>
      </c>
      <c r="L53" s="12">
        <v>0</v>
      </c>
      <c r="M53" s="12">
        <v>0</v>
      </c>
      <c r="N53" s="12">
        <v>0</v>
      </c>
      <c r="O53" s="13"/>
      <c r="P53" s="13"/>
    </row>
    <row r="54" spans="1:16" x14ac:dyDescent="0.25">
      <c r="A54" s="2" t="s">
        <v>103</v>
      </c>
      <c r="B54" s="4" t="s">
        <v>104</v>
      </c>
      <c r="C54" s="12">
        <v>0</v>
      </c>
      <c r="D54" s="12">
        <v>0</v>
      </c>
      <c r="E54" s="12">
        <v>0</v>
      </c>
      <c r="F54" s="12">
        <v>0</v>
      </c>
      <c r="G54" s="12">
        <v>0</v>
      </c>
      <c r="H54" s="12">
        <v>0</v>
      </c>
      <c r="I54" s="12">
        <v>0</v>
      </c>
      <c r="J54" s="12">
        <v>0</v>
      </c>
      <c r="K54" s="12">
        <v>0</v>
      </c>
      <c r="L54" s="12">
        <v>0</v>
      </c>
      <c r="M54" s="12">
        <v>0</v>
      </c>
      <c r="N54" s="12">
        <v>0</v>
      </c>
      <c r="O54" s="13"/>
      <c r="P54" s="13"/>
    </row>
    <row r="55" spans="1:16" x14ac:dyDescent="0.25">
      <c r="A55" s="2" t="s">
        <v>105</v>
      </c>
      <c r="B55" s="4" t="s">
        <v>106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  <c r="K55" s="12">
        <v>0</v>
      </c>
      <c r="L55" s="12">
        <v>0</v>
      </c>
      <c r="M55" s="12">
        <v>0</v>
      </c>
      <c r="N55" s="12">
        <v>0</v>
      </c>
      <c r="O55" s="13"/>
      <c r="P55" s="13"/>
    </row>
  </sheetData>
  <mergeCells count="36">
    <mergeCell ref="K50:K51"/>
    <mergeCell ref="L50:L51"/>
    <mergeCell ref="M50:M51"/>
    <mergeCell ref="N50:N51"/>
    <mergeCell ref="F50:F51"/>
    <mergeCell ref="G50:G51"/>
    <mergeCell ref="H50:H51"/>
    <mergeCell ref="I50:I51"/>
    <mergeCell ref="J50:J51"/>
    <mergeCell ref="A50:A51"/>
    <mergeCell ref="B50:B51"/>
    <mergeCell ref="C50:C51"/>
    <mergeCell ref="D50:D51"/>
    <mergeCell ref="E50:E51"/>
    <mergeCell ref="F39:H39"/>
    <mergeCell ref="I39:K39"/>
    <mergeCell ref="A43:A44"/>
    <mergeCell ref="B43:B44"/>
    <mergeCell ref="C43:C44"/>
    <mergeCell ref="A28:A29"/>
    <mergeCell ref="B28:B29"/>
    <mergeCell ref="C28:C29"/>
    <mergeCell ref="D28:D29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9"/>
  <sheetViews>
    <sheetView showGridLines="0" workbookViewId="0">
      <selection activeCell="D29" sqref="D29"/>
    </sheetView>
  </sheetViews>
  <sheetFormatPr defaultRowHeight="15" x14ac:dyDescent="0.25"/>
  <cols>
    <col min="2" max="2" width="69.5703125" bestFit="1" customWidth="1"/>
    <col min="3" max="3" width="19" bestFit="1" customWidth="1"/>
    <col min="4" max="4" width="14.85546875" bestFit="1" customWidth="1"/>
    <col min="5" max="5" width="17.28515625" bestFit="1" customWidth="1"/>
    <col min="6" max="6" width="16" bestFit="1" customWidth="1"/>
    <col min="7" max="7" width="17.28515625" bestFit="1" customWidth="1"/>
    <col min="8" max="8" width="9.28515625" bestFit="1" customWidth="1"/>
    <col min="9" max="9" width="22.28515625" customWidth="1"/>
    <col min="10" max="10" width="17.28515625" bestFit="1" customWidth="1"/>
    <col min="11" max="11" width="17.42578125" customWidth="1"/>
    <col min="12" max="12" width="19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109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110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111</v>
      </c>
      <c r="C10" s="10" t="s">
        <v>112</v>
      </c>
      <c r="D10" s="10" t="s">
        <v>113</v>
      </c>
      <c r="E10" s="10" t="s">
        <v>7</v>
      </c>
      <c r="F10" s="10" t="s">
        <v>7</v>
      </c>
      <c r="G10" s="10" t="s">
        <v>7</v>
      </c>
      <c r="H10" s="10" t="s">
        <v>118</v>
      </c>
      <c r="I10" s="10" t="s">
        <v>119</v>
      </c>
      <c r="J10" s="10" t="s">
        <v>120</v>
      </c>
      <c r="K10" s="10" t="s">
        <v>121</v>
      </c>
      <c r="L10" s="10" t="s">
        <v>122</v>
      </c>
    </row>
    <row r="11" spans="1:12" ht="105" x14ac:dyDescent="0.25">
      <c r="A11" s="10" t="s">
        <v>7</v>
      </c>
      <c r="B11" s="10" t="s">
        <v>7</v>
      </c>
      <c r="C11" s="10" t="s">
        <v>7</v>
      </c>
      <c r="D11" s="1" t="s">
        <v>114</v>
      </c>
      <c r="E11" s="1" t="s">
        <v>115</v>
      </c>
      <c r="F11" s="1" t="s">
        <v>116</v>
      </c>
      <c r="G11" s="1" t="s">
        <v>117</v>
      </c>
      <c r="H11" s="10" t="s">
        <v>7</v>
      </c>
      <c r="I11" s="10" t="s">
        <v>7</v>
      </c>
      <c r="J11" s="10" t="s">
        <v>7</v>
      </c>
      <c r="K11" s="10" t="s">
        <v>7</v>
      </c>
      <c r="L11" s="10" t="s">
        <v>7</v>
      </c>
    </row>
    <row r="12" spans="1:12" x14ac:dyDescent="0.25">
      <c r="A12" s="3" t="s">
        <v>24</v>
      </c>
      <c r="B12" s="5" t="s">
        <v>123</v>
      </c>
      <c r="C12" s="11">
        <v>3953420491.9299998</v>
      </c>
      <c r="D12" s="11">
        <v>1281517.47</v>
      </c>
      <c r="E12" s="11">
        <v>109237435.55</v>
      </c>
      <c r="F12" s="11">
        <v>22329045.719999999</v>
      </c>
      <c r="G12" s="11">
        <v>339535097.25</v>
      </c>
      <c r="H12" s="11">
        <v>0</v>
      </c>
      <c r="I12" s="11">
        <v>3481037395.9400001</v>
      </c>
      <c r="J12" s="11">
        <v>636995152.52999997</v>
      </c>
      <c r="K12" s="11">
        <v>0</v>
      </c>
      <c r="L12" s="11">
        <v>2844042243.4099998</v>
      </c>
    </row>
    <row r="13" spans="1:12" x14ac:dyDescent="0.25">
      <c r="A13" s="2" t="s">
        <v>26</v>
      </c>
      <c r="B13" s="4" t="s">
        <v>124</v>
      </c>
      <c r="C13" s="12">
        <v>2876259743.4000001</v>
      </c>
      <c r="D13" s="12">
        <v>1147112.81</v>
      </c>
      <c r="E13" s="12">
        <v>101704324.12</v>
      </c>
      <c r="F13" s="12">
        <v>21255709.27</v>
      </c>
      <c r="G13" s="12">
        <v>274080191.04000002</v>
      </c>
      <c r="H13" s="12">
        <v>0</v>
      </c>
      <c r="I13" s="12">
        <v>2478072406.1599998</v>
      </c>
      <c r="J13" s="12">
        <v>533428068.25999999</v>
      </c>
      <c r="K13" s="12">
        <v>0</v>
      </c>
      <c r="L13" s="12">
        <v>1944644337.9000001</v>
      </c>
    </row>
    <row r="14" spans="1:12" x14ac:dyDescent="0.25">
      <c r="A14" s="2" t="s">
        <v>28</v>
      </c>
      <c r="B14" s="4" t="s">
        <v>125</v>
      </c>
      <c r="C14" s="12">
        <v>1077160748.53</v>
      </c>
      <c r="D14" s="12">
        <v>134404.66</v>
      </c>
      <c r="E14" s="12">
        <v>7533111.4299999997</v>
      </c>
      <c r="F14" s="12">
        <v>1073336.45</v>
      </c>
      <c r="G14" s="12">
        <v>65454906.210000001</v>
      </c>
      <c r="H14" s="12">
        <v>0</v>
      </c>
      <c r="I14" s="12">
        <v>1002964989.78</v>
      </c>
      <c r="J14" s="12">
        <v>103567084.27</v>
      </c>
      <c r="K14" s="12">
        <v>0</v>
      </c>
      <c r="L14" s="12">
        <v>899397905.50999999</v>
      </c>
    </row>
    <row r="15" spans="1:12" x14ac:dyDescent="0.25">
      <c r="A15" s="3" t="s">
        <v>30</v>
      </c>
      <c r="B15" s="5" t="s">
        <v>126</v>
      </c>
      <c r="C15" s="11">
        <v>930255432.60000002</v>
      </c>
      <c r="D15" s="11">
        <v>703859.01</v>
      </c>
      <c r="E15" s="11">
        <v>30985511.280000001</v>
      </c>
      <c r="F15" s="11">
        <v>25084005.199999999</v>
      </c>
      <c r="G15" s="11">
        <v>6243662.54</v>
      </c>
      <c r="H15" s="11">
        <v>0</v>
      </c>
      <c r="I15" s="11">
        <v>867238394.57000005</v>
      </c>
      <c r="J15" s="11">
        <v>88902456.890000001</v>
      </c>
      <c r="K15" s="11">
        <v>0</v>
      </c>
      <c r="L15" s="11">
        <v>778335937.67999995</v>
      </c>
    </row>
    <row r="16" spans="1:12" x14ac:dyDescent="0.25">
      <c r="A16" s="2" t="s">
        <v>32</v>
      </c>
      <c r="B16" s="4" t="s">
        <v>127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  <c r="H16" s="12">
        <v>0</v>
      </c>
      <c r="I16" s="12">
        <v>0</v>
      </c>
      <c r="J16" s="12">
        <v>0</v>
      </c>
      <c r="K16" s="12">
        <v>0</v>
      </c>
      <c r="L16" s="12">
        <v>0</v>
      </c>
    </row>
    <row r="17" spans="1:12" x14ac:dyDescent="0.25">
      <c r="A17" s="2" t="s">
        <v>34</v>
      </c>
      <c r="B17" s="4" t="s">
        <v>128</v>
      </c>
      <c r="C17" s="12">
        <v>8231676.5499999998</v>
      </c>
      <c r="D17" s="12">
        <v>0</v>
      </c>
      <c r="E17" s="12">
        <v>0</v>
      </c>
      <c r="F17" s="12">
        <v>0</v>
      </c>
      <c r="G17" s="12">
        <v>4493.09</v>
      </c>
      <c r="H17" s="12">
        <v>0</v>
      </c>
      <c r="I17" s="12">
        <v>8227183.46</v>
      </c>
      <c r="J17" s="12">
        <v>0</v>
      </c>
      <c r="K17" s="12">
        <v>0</v>
      </c>
      <c r="L17" s="12">
        <v>8227183.46</v>
      </c>
    </row>
    <row r="18" spans="1:12" x14ac:dyDescent="0.25">
      <c r="A18" s="2" t="s">
        <v>36</v>
      </c>
      <c r="B18" s="4" t="s">
        <v>129</v>
      </c>
      <c r="C18" s="12">
        <v>15005548.539999999</v>
      </c>
      <c r="D18" s="12">
        <v>0</v>
      </c>
      <c r="E18" s="12">
        <v>0</v>
      </c>
      <c r="F18" s="12">
        <v>0</v>
      </c>
      <c r="G18" s="12">
        <v>0</v>
      </c>
      <c r="H18" s="12">
        <v>0</v>
      </c>
      <c r="I18" s="12">
        <v>15005548.539999999</v>
      </c>
      <c r="J18" s="12">
        <v>1623353.1</v>
      </c>
      <c r="K18" s="12">
        <v>0</v>
      </c>
      <c r="L18" s="12">
        <v>13382195.439999999</v>
      </c>
    </row>
    <row r="19" spans="1:12" x14ac:dyDescent="0.25">
      <c r="A19" s="2" t="s">
        <v>38</v>
      </c>
      <c r="B19" s="4" t="s">
        <v>130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</row>
    <row r="20" spans="1:12" x14ac:dyDescent="0.25">
      <c r="A20" s="2" t="s">
        <v>40</v>
      </c>
      <c r="B20" s="4" t="s">
        <v>131</v>
      </c>
      <c r="C20" s="12">
        <v>169553127.87</v>
      </c>
      <c r="D20" s="12">
        <v>908.77</v>
      </c>
      <c r="E20" s="12">
        <v>504432.15</v>
      </c>
      <c r="F20" s="12">
        <v>3987801</v>
      </c>
      <c r="G20" s="12">
        <v>196449.6</v>
      </c>
      <c r="H20" s="12">
        <v>0</v>
      </c>
      <c r="I20" s="12">
        <v>164863536.34999999</v>
      </c>
      <c r="J20" s="12">
        <v>20222232.899999999</v>
      </c>
      <c r="K20" s="12">
        <v>0</v>
      </c>
      <c r="L20" s="12">
        <v>144641303.44999999</v>
      </c>
    </row>
    <row r="21" spans="1:12" x14ac:dyDescent="0.25">
      <c r="A21" s="2" t="s">
        <v>42</v>
      </c>
      <c r="B21" s="4" t="s">
        <v>132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</row>
    <row r="22" spans="1:12" x14ac:dyDescent="0.25">
      <c r="A22" s="2" t="s">
        <v>44</v>
      </c>
      <c r="B22" s="4" t="s">
        <v>133</v>
      </c>
      <c r="C22" s="12">
        <v>1259668.4099999999</v>
      </c>
      <c r="D22" s="12">
        <v>0</v>
      </c>
      <c r="E22" s="12">
        <v>0</v>
      </c>
      <c r="F22" s="12">
        <v>0</v>
      </c>
      <c r="G22" s="12">
        <v>1259668.4099999999</v>
      </c>
      <c r="H22" s="12">
        <v>0</v>
      </c>
      <c r="I22" s="12">
        <v>0</v>
      </c>
      <c r="J22" s="12">
        <v>0</v>
      </c>
      <c r="K22" s="12">
        <v>0</v>
      </c>
      <c r="L22" s="12">
        <v>0</v>
      </c>
    </row>
    <row r="23" spans="1:12" x14ac:dyDescent="0.25">
      <c r="A23" s="2" t="s">
        <v>46</v>
      </c>
      <c r="B23" s="4" t="s">
        <v>134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</row>
    <row r="24" spans="1:12" x14ac:dyDescent="0.25">
      <c r="A24" s="2" t="s">
        <v>48</v>
      </c>
      <c r="B24" s="4" t="s">
        <v>135</v>
      </c>
      <c r="C24" s="12">
        <v>9090.75</v>
      </c>
      <c r="D24" s="12">
        <v>0</v>
      </c>
      <c r="E24" s="12">
        <v>0</v>
      </c>
      <c r="F24" s="12">
        <v>0</v>
      </c>
      <c r="G24" s="12">
        <v>1645.39</v>
      </c>
      <c r="H24" s="12">
        <v>0</v>
      </c>
      <c r="I24" s="12">
        <v>7445.36</v>
      </c>
      <c r="J24" s="12">
        <v>1986.97</v>
      </c>
      <c r="K24" s="12">
        <v>0</v>
      </c>
      <c r="L24" s="12">
        <v>5458.39</v>
      </c>
    </row>
    <row r="25" spans="1:12" x14ac:dyDescent="0.25">
      <c r="A25" s="2" t="s">
        <v>50</v>
      </c>
      <c r="B25" s="4" t="s">
        <v>136</v>
      </c>
      <c r="C25" s="12">
        <v>55613718.859999999</v>
      </c>
      <c r="D25" s="12">
        <v>351697.85</v>
      </c>
      <c r="E25" s="12">
        <v>0</v>
      </c>
      <c r="F25" s="12">
        <v>0</v>
      </c>
      <c r="G25" s="12">
        <v>6810.64</v>
      </c>
      <c r="H25" s="12">
        <v>0</v>
      </c>
      <c r="I25" s="12">
        <v>55255210.369999997</v>
      </c>
      <c r="J25" s="12">
        <v>13799454.25</v>
      </c>
      <c r="K25" s="12">
        <v>0</v>
      </c>
      <c r="L25" s="12">
        <v>41455756.119999997</v>
      </c>
    </row>
    <row r="26" spans="1:12" x14ac:dyDescent="0.25">
      <c r="A26" s="2" t="s">
        <v>52</v>
      </c>
      <c r="B26" s="4" t="s">
        <v>137</v>
      </c>
      <c r="C26" s="12">
        <v>8615850.4299999997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8615850.4299999997</v>
      </c>
      <c r="J26" s="12">
        <v>199300</v>
      </c>
      <c r="K26" s="12">
        <v>0</v>
      </c>
      <c r="L26" s="12">
        <v>8416550.4299999997</v>
      </c>
    </row>
    <row r="27" spans="1:12" x14ac:dyDescent="0.25">
      <c r="A27" s="2" t="s">
        <v>57</v>
      </c>
      <c r="B27" s="4" t="s">
        <v>138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</row>
    <row r="28" spans="1:12" x14ac:dyDescent="0.25">
      <c r="A28" s="2" t="s">
        <v>59</v>
      </c>
      <c r="B28" s="4" t="s">
        <v>139</v>
      </c>
      <c r="C28" s="12">
        <v>671966751.19000006</v>
      </c>
      <c r="D28" s="12">
        <v>351252.39</v>
      </c>
      <c r="E28" s="12">
        <v>30481079.129999999</v>
      </c>
      <c r="F28" s="12">
        <v>21096204.199999999</v>
      </c>
      <c r="G28" s="12">
        <v>4774595.41</v>
      </c>
      <c r="H28" s="12">
        <v>0</v>
      </c>
      <c r="I28" s="12">
        <v>615263620.05999994</v>
      </c>
      <c r="J28" s="12">
        <v>53056129.670000002</v>
      </c>
      <c r="K28" s="12">
        <v>0</v>
      </c>
      <c r="L28" s="12">
        <v>562207490.38999999</v>
      </c>
    </row>
    <row r="29" spans="1:12" x14ac:dyDescent="0.25">
      <c r="A29" s="3" t="s">
        <v>61</v>
      </c>
      <c r="B29" s="5" t="s">
        <v>140</v>
      </c>
      <c r="C29" s="11">
        <v>4883675924.5299997</v>
      </c>
      <c r="D29" s="11">
        <v>1985376.48</v>
      </c>
      <c r="E29" s="11">
        <v>140222946.83000001</v>
      </c>
      <c r="F29" s="11">
        <v>47413050.920000002</v>
      </c>
      <c r="G29" s="11">
        <v>345778759.79000002</v>
      </c>
      <c r="H29" s="11">
        <v>0</v>
      </c>
      <c r="I29" s="11">
        <v>4348275790.5100002</v>
      </c>
      <c r="J29" s="11">
        <v>725897609.41999996</v>
      </c>
      <c r="K29" s="11">
        <v>0</v>
      </c>
      <c r="L29" s="11">
        <v>3622378181.0900002</v>
      </c>
    </row>
  </sheetData>
  <mergeCells count="15">
    <mergeCell ref="A9:L9"/>
    <mergeCell ref="A10:A11"/>
    <mergeCell ref="B10:B11"/>
    <mergeCell ref="C10:C11"/>
    <mergeCell ref="D10:G10"/>
    <mergeCell ref="H10:H11"/>
    <mergeCell ref="I10:I11"/>
    <mergeCell ref="J10:J11"/>
    <mergeCell ref="K10:K11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E42"/>
  <sheetViews>
    <sheetView showGridLines="0" tabSelected="1" workbookViewId="0">
      <selection activeCell="C38" sqref="C38"/>
    </sheetView>
  </sheetViews>
  <sheetFormatPr defaultRowHeight="15" x14ac:dyDescent="0.25"/>
  <cols>
    <col min="1" max="1" width="2.42578125" bestFit="1" customWidth="1"/>
    <col min="2" max="2" width="62" bestFit="1" customWidth="1"/>
    <col min="3" max="3" width="18" bestFit="1" customWidth="1"/>
    <col min="4" max="4" width="16.85546875" bestFit="1" customWidth="1"/>
  </cols>
  <sheetData>
    <row r="3" spans="1:5" x14ac:dyDescent="0.25">
      <c r="A3" s="6" t="s">
        <v>0</v>
      </c>
      <c r="B3" s="7"/>
      <c r="C3" s="7"/>
      <c r="D3" s="7"/>
    </row>
    <row r="4" spans="1:5" x14ac:dyDescent="0.25">
      <c r="A4" s="6" t="s">
        <v>1</v>
      </c>
      <c r="B4" s="7"/>
      <c r="C4" s="7"/>
      <c r="D4" s="7"/>
    </row>
    <row r="5" spans="1:5" x14ac:dyDescent="0.25">
      <c r="A5" s="8" t="s">
        <v>141</v>
      </c>
      <c r="B5" s="7"/>
      <c r="C5" s="7"/>
      <c r="D5" s="7"/>
    </row>
    <row r="6" spans="1:5" x14ac:dyDescent="0.25">
      <c r="A6" s="6" t="s">
        <v>3</v>
      </c>
      <c r="B6" s="7"/>
      <c r="C6" s="7"/>
      <c r="D6" s="7"/>
    </row>
    <row r="7" spans="1:5" x14ac:dyDescent="0.25">
      <c r="A7" s="6" t="s">
        <v>4</v>
      </c>
      <c r="B7" s="7"/>
      <c r="C7" s="7"/>
      <c r="D7" s="7"/>
    </row>
    <row r="9" spans="1:5" x14ac:dyDescent="0.25">
      <c r="A9" s="9" t="s">
        <v>142</v>
      </c>
      <c r="B9" s="7"/>
      <c r="C9" s="7"/>
      <c r="D9" s="7"/>
    </row>
    <row r="10" spans="1:5" x14ac:dyDescent="0.25">
      <c r="A10" s="10" t="s">
        <v>6</v>
      </c>
      <c r="B10" s="10" t="s">
        <v>143</v>
      </c>
      <c r="C10" s="10" t="s">
        <v>144</v>
      </c>
    </row>
    <row r="11" spans="1:5" x14ac:dyDescent="0.25">
      <c r="A11" s="10" t="s">
        <v>7</v>
      </c>
      <c r="B11" s="10" t="s">
        <v>7</v>
      </c>
      <c r="C11" s="10" t="s">
        <v>7</v>
      </c>
    </row>
    <row r="12" spans="1:5" x14ac:dyDescent="0.25">
      <c r="A12" s="2" t="s">
        <v>24</v>
      </c>
      <c r="B12" s="4" t="s">
        <v>145</v>
      </c>
      <c r="C12" s="12">
        <v>18366590887.860001</v>
      </c>
      <c r="D12" s="13"/>
      <c r="E12" s="13"/>
    </row>
    <row r="13" spans="1:5" x14ac:dyDescent="0.25">
      <c r="A13" s="2" t="s">
        <v>26</v>
      </c>
      <c r="B13" s="4" t="s">
        <v>146</v>
      </c>
      <c r="C13" s="12">
        <v>18353337808.299999</v>
      </c>
      <c r="D13" s="13"/>
      <c r="E13" s="13"/>
    </row>
    <row r="14" spans="1:5" x14ac:dyDescent="0.25">
      <c r="A14" s="2" t="s">
        <v>28</v>
      </c>
      <c r="B14" s="4" t="s">
        <v>147</v>
      </c>
      <c r="C14" s="12">
        <v>18352650109.299999</v>
      </c>
      <c r="D14" s="13"/>
      <c r="E14" s="13"/>
    </row>
    <row r="15" spans="1:5" x14ac:dyDescent="0.25">
      <c r="C15" s="13"/>
      <c r="D15" s="13"/>
      <c r="E15" s="13"/>
    </row>
    <row r="16" spans="1:5" x14ac:dyDescent="0.25">
      <c r="A16" s="10" t="s">
        <v>6</v>
      </c>
      <c r="B16" s="10" t="s">
        <v>8</v>
      </c>
      <c r="C16" s="14" t="s">
        <v>55</v>
      </c>
      <c r="D16" s="14" t="s">
        <v>56</v>
      </c>
      <c r="E16" s="13"/>
    </row>
    <row r="17" spans="1:5" x14ac:dyDescent="0.25">
      <c r="A17" s="10" t="s">
        <v>7</v>
      </c>
      <c r="B17" s="10" t="s">
        <v>7</v>
      </c>
      <c r="C17" s="14" t="s">
        <v>7</v>
      </c>
      <c r="D17" s="14" t="s">
        <v>7</v>
      </c>
      <c r="E17" s="13"/>
    </row>
    <row r="18" spans="1:5" x14ac:dyDescent="0.25">
      <c r="A18" s="2" t="s">
        <v>30</v>
      </c>
      <c r="B18" s="4" t="s">
        <v>148</v>
      </c>
      <c r="C18" s="12">
        <v>8666010119.2199993</v>
      </c>
      <c r="D18" s="12">
        <v>47.22</v>
      </c>
      <c r="E18" s="13"/>
    </row>
    <row r="19" spans="1:5" x14ac:dyDescent="0.25">
      <c r="A19" s="2" t="s">
        <v>32</v>
      </c>
      <c r="B19" s="4" t="s">
        <v>149</v>
      </c>
      <c r="C19" s="12">
        <v>11011590065.58</v>
      </c>
      <c r="D19" s="12">
        <v>60</v>
      </c>
      <c r="E19" s="13"/>
    </row>
    <row r="20" spans="1:5" x14ac:dyDescent="0.25">
      <c r="A20" s="2" t="s">
        <v>34</v>
      </c>
      <c r="B20" s="4" t="s">
        <v>150</v>
      </c>
      <c r="C20" s="12">
        <v>10461010562.299999</v>
      </c>
      <c r="D20" s="12">
        <v>57</v>
      </c>
      <c r="E20" s="13"/>
    </row>
    <row r="21" spans="1:5" x14ac:dyDescent="0.25">
      <c r="A21" s="2" t="s">
        <v>36</v>
      </c>
      <c r="B21" s="4" t="s">
        <v>151</v>
      </c>
      <c r="C21" s="12">
        <v>9910431059.0200005</v>
      </c>
      <c r="D21" s="12">
        <v>54</v>
      </c>
      <c r="E21" s="13"/>
    </row>
    <row r="22" spans="1:5" x14ac:dyDescent="0.25">
      <c r="C22" s="13"/>
      <c r="D22" s="13"/>
      <c r="E22" s="13"/>
    </row>
    <row r="23" spans="1:5" x14ac:dyDescent="0.25">
      <c r="A23" s="10" t="s">
        <v>6</v>
      </c>
      <c r="B23" s="10" t="s">
        <v>107</v>
      </c>
      <c r="C23" s="14" t="s">
        <v>55</v>
      </c>
      <c r="D23" s="14" t="s">
        <v>56</v>
      </c>
      <c r="E23" s="13"/>
    </row>
    <row r="24" spans="1:5" x14ac:dyDescent="0.25">
      <c r="A24" s="10" t="s">
        <v>7</v>
      </c>
      <c r="B24" s="10" t="s">
        <v>7</v>
      </c>
      <c r="C24" s="14" t="s">
        <v>7</v>
      </c>
      <c r="D24" s="14" t="s">
        <v>7</v>
      </c>
      <c r="E24" s="13"/>
    </row>
    <row r="25" spans="1:5" x14ac:dyDescent="0.25">
      <c r="A25" s="2" t="s">
        <v>38</v>
      </c>
      <c r="B25" s="4" t="s">
        <v>152</v>
      </c>
      <c r="C25" s="12">
        <v>4065562381.8600001</v>
      </c>
      <c r="D25" s="12">
        <v>22.15</v>
      </c>
      <c r="E25" s="13"/>
    </row>
    <row r="26" spans="1:5" x14ac:dyDescent="0.25">
      <c r="A26" s="2" t="s">
        <v>40</v>
      </c>
      <c r="B26" s="4" t="s">
        <v>153</v>
      </c>
      <c r="C26" s="12">
        <v>36733181775.720001</v>
      </c>
      <c r="D26" s="12">
        <v>200</v>
      </c>
      <c r="E26" s="13"/>
    </row>
    <row r="27" spans="1:5" x14ac:dyDescent="0.25">
      <c r="C27" s="13"/>
      <c r="D27" s="13"/>
      <c r="E27" s="13"/>
    </row>
    <row r="28" spans="1:5" x14ac:dyDescent="0.25">
      <c r="A28" s="10" t="s">
        <v>6</v>
      </c>
      <c r="B28" s="10" t="s">
        <v>154</v>
      </c>
      <c r="C28" s="14" t="s">
        <v>55</v>
      </c>
      <c r="D28" s="14" t="s">
        <v>56</v>
      </c>
      <c r="E28" s="13"/>
    </row>
    <row r="29" spans="1:5" x14ac:dyDescent="0.25">
      <c r="A29" s="10" t="s">
        <v>7</v>
      </c>
      <c r="B29" s="10" t="s">
        <v>7</v>
      </c>
      <c r="C29" s="14" t="s">
        <v>7</v>
      </c>
      <c r="D29" s="14" t="s">
        <v>7</v>
      </c>
      <c r="E29" s="13"/>
    </row>
    <row r="30" spans="1:5" x14ac:dyDescent="0.25">
      <c r="A30" s="2" t="s">
        <v>42</v>
      </c>
      <c r="B30" s="4" t="s">
        <v>155</v>
      </c>
      <c r="C30" s="12">
        <v>0</v>
      </c>
      <c r="D30" s="12">
        <v>0</v>
      </c>
      <c r="E30" s="13"/>
    </row>
    <row r="31" spans="1:5" x14ac:dyDescent="0.25">
      <c r="A31" s="2" t="s">
        <v>44</v>
      </c>
      <c r="B31" s="4" t="s">
        <v>153</v>
      </c>
      <c r="C31" s="12">
        <v>4037734317.8299999</v>
      </c>
      <c r="D31" s="12">
        <v>21.98</v>
      </c>
      <c r="E31" s="13"/>
    </row>
    <row r="32" spans="1:5" x14ac:dyDescent="0.25">
      <c r="C32" s="13"/>
      <c r="D32" s="13"/>
      <c r="E32" s="13"/>
    </row>
    <row r="33" spans="1:5" x14ac:dyDescent="0.25">
      <c r="A33" s="10" t="s">
        <v>6</v>
      </c>
      <c r="B33" s="10" t="s">
        <v>108</v>
      </c>
      <c r="C33" s="14" t="s">
        <v>55</v>
      </c>
      <c r="D33" s="14" t="s">
        <v>56</v>
      </c>
      <c r="E33" s="13"/>
    </row>
    <row r="34" spans="1:5" x14ac:dyDescent="0.25">
      <c r="A34" s="10" t="s">
        <v>7</v>
      </c>
      <c r="B34" s="10" t="s">
        <v>7</v>
      </c>
      <c r="C34" s="14" t="s">
        <v>7</v>
      </c>
      <c r="D34" s="14" t="s">
        <v>7</v>
      </c>
      <c r="E34" s="13"/>
    </row>
    <row r="35" spans="1:5" x14ac:dyDescent="0.25">
      <c r="A35" s="2" t="s">
        <v>46</v>
      </c>
      <c r="B35" s="4" t="s">
        <v>156</v>
      </c>
      <c r="C35" s="12">
        <v>63917280.659999996</v>
      </c>
      <c r="D35" s="12">
        <v>0.35</v>
      </c>
      <c r="E35" s="13"/>
    </row>
    <row r="36" spans="1:5" x14ac:dyDescent="0.25">
      <c r="A36" s="2" t="s">
        <v>48</v>
      </c>
      <c r="B36" s="4" t="s">
        <v>157</v>
      </c>
      <c r="C36" s="12">
        <v>2936534049.3299999</v>
      </c>
      <c r="D36" s="12">
        <v>16</v>
      </c>
      <c r="E36" s="13"/>
    </row>
    <row r="37" spans="1:5" x14ac:dyDescent="0.25">
      <c r="A37" s="2" t="s">
        <v>50</v>
      </c>
      <c r="B37" s="4" t="s">
        <v>158</v>
      </c>
      <c r="C37" s="12">
        <v>0</v>
      </c>
      <c r="D37" s="12">
        <v>0</v>
      </c>
      <c r="E37" s="13"/>
    </row>
    <row r="38" spans="1:5" x14ac:dyDescent="0.25">
      <c r="A38" s="2" t="s">
        <v>52</v>
      </c>
      <c r="B38" s="4" t="s">
        <v>159</v>
      </c>
      <c r="C38" s="12">
        <v>1284733646.5799999</v>
      </c>
      <c r="D38" s="12">
        <v>6.99</v>
      </c>
      <c r="E38" s="13"/>
    </row>
    <row r="39" spans="1:5" x14ac:dyDescent="0.25">
      <c r="C39" s="13"/>
      <c r="D39" s="13"/>
      <c r="E39" s="13"/>
    </row>
    <row r="40" spans="1:5" x14ac:dyDescent="0.25">
      <c r="A40" s="10" t="s">
        <v>6</v>
      </c>
      <c r="B40" s="10" t="s">
        <v>160</v>
      </c>
      <c r="C40" s="14" t="s">
        <v>161</v>
      </c>
      <c r="D40" s="14" t="s">
        <v>162</v>
      </c>
      <c r="E40" s="13"/>
    </row>
    <row r="41" spans="1:5" x14ac:dyDescent="0.25">
      <c r="A41" s="10" t="s">
        <v>7</v>
      </c>
      <c r="B41" s="10" t="s">
        <v>7</v>
      </c>
      <c r="C41" s="14" t="s">
        <v>7</v>
      </c>
      <c r="D41" s="14" t="s">
        <v>7</v>
      </c>
      <c r="E41" s="13"/>
    </row>
    <row r="42" spans="1:5" x14ac:dyDescent="0.25">
      <c r="A42" s="2" t="s">
        <v>57</v>
      </c>
      <c r="B42" s="4" t="s">
        <v>163</v>
      </c>
      <c r="C42" s="12">
        <v>725897609.41999996</v>
      </c>
      <c r="D42" s="12">
        <v>3622378181.0900002</v>
      </c>
      <c r="E42" s="13"/>
    </row>
  </sheetData>
  <mergeCells count="29">
    <mergeCell ref="A33:A34"/>
    <mergeCell ref="B33:B34"/>
    <mergeCell ref="C33:C34"/>
    <mergeCell ref="D33:D34"/>
    <mergeCell ref="A40:A41"/>
    <mergeCell ref="B40:B41"/>
    <mergeCell ref="C40:C41"/>
    <mergeCell ref="D40:D41"/>
    <mergeCell ref="A23:A24"/>
    <mergeCell ref="B23:B24"/>
    <mergeCell ref="C23:C24"/>
    <mergeCell ref="D23:D24"/>
    <mergeCell ref="A28:A29"/>
    <mergeCell ref="B28:B29"/>
    <mergeCell ref="C28:C29"/>
    <mergeCell ref="D28:D29"/>
    <mergeCell ref="A9:D9"/>
    <mergeCell ref="A10:A11"/>
    <mergeCell ref="B10:B11"/>
    <mergeCell ref="C10:C11"/>
    <mergeCell ref="A16:A17"/>
    <mergeCell ref="B16:B17"/>
    <mergeCell ref="C16:C17"/>
    <mergeCell ref="D16:D17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Anexo - 01 - Despesa com Pessoa</vt:lpstr>
      <vt:lpstr>Anexo - 05 - Disponibilidade de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3-02-28T13:15:00Z</dcterms:created>
  <dcterms:modified xsi:type="dcterms:W3CDTF">2023-02-28T13:49:19Z</dcterms:modified>
</cp:coreProperties>
</file>